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9" r:id="rId2"/>
    <p:sldId id="27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82" d="100"/>
          <a:sy n="82" d="100"/>
        </p:scale>
        <p:origin x="67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M_3567cd86567747e2b92d3f9bf6061d0d_Connector1">
            <a:extLst>
              <a:ext uri="{FF2B5EF4-FFF2-40B4-BE49-F238E27FC236}">
                <a16:creationId xmlns:a16="http://schemas.microsoft.com/office/drawing/2014/main" id="{DFCBD575-81B2-4679-9A3E-58CD0EA8325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17979" y="2544857"/>
            <a:ext cx="0" cy="482240"/>
          </a:xfrm>
          <a:prstGeom prst="line">
            <a:avLst/>
          </a:prstGeom>
          <a:ln w="9525" cap="flat" cmpd="sng" algn="ctr">
            <a:solidFill>
              <a:srgbClr val="B7094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ff7402716fcb45a78ab8c45cff171d5f_Connector1">
            <a:extLst>
              <a:ext uri="{FF2B5EF4-FFF2-40B4-BE49-F238E27FC236}">
                <a16:creationId xmlns:a16="http://schemas.microsoft.com/office/drawing/2014/main" id="{5879C2CF-238E-4F92-A966-2101AEDFDAE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05368" y="3535097"/>
            <a:ext cx="0" cy="696375"/>
          </a:xfrm>
          <a:prstGeom prst="line">
            <a:avLst/>
          </a:prstGeom>
          <a:ln w="9525" cap="flat" cmpd="sng" algn="ctr">
            <a:solidFill>
              <a:srgbClr val="5C4D7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9a226a45657548d38dde80647f13c681_Connector1">
            <a:extLst>
              <a:ext uri="{FF2B5EF4-FFF2-40B4-BE49-F238E27FC236}">
                <a16:creationId xmlns:a16="http://schemas.microsoft.com/office/drawing/2014/main" id="{9B3AD825-DB78-4362-95C2-BCE9E45D586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886263" y="2617924"/>
            <a:ext cx="0" cy="472673"/>
          </a:xfrm>
          <a:prstGeom prst="line">
            <a:avLst/>
          </a:prstGeom>
          <a:ln w="9525" cap="flat" cmpd="sng" algn="ctr">
            <a:solidFill>
              <a:srgbClr val="892B6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b986982e89684e9d8c4472c292ab495c_Connector1">
            <a:extLst>
              <a:ext uri="{FF2B5EF4-FFF2-40B4-BE49-F238E27FC236}">
                <a16:creationId xmlns:a16="http://schemas.microsoft.com/office/drawing/2014/main" id="{E3BDBAD1-116A-47E4-B5A5-FD62D5D8272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274869" y="3535098"/>
            <a:ext cx="0" cy="424435"/>
          </a:xfrm>
          <a:prstGeom prst="line">
            <a:avLst/>
          </a:prstGeom>
          <a:ln w="9525" cap="flat" cmpd="sng" algn="ctr">
            <a:solidFill>
              <a:srgbClr val="5C4D7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4" name="OTLSHAPE_M_db0fbaae48234ace984818d7bc1e70ae_Connector1">
            <a:extLst>
              <a:ext uri="{FF2B5EF4-FFF2-40B4-BE49-F238E27FC236}">
                <a16:creationId xmlns:a16="http://schemas.microsoft.com/office/drawing/2014/main" id="{B2095499-D3B6-4EDF-990D-EF54E3E11FB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75804" y="1943172"/>
            <a:ext cx="0" cy="1083925"/>
          </a:xfrm>
          <a:prstGeom prst="line">
            <a:avLst/>
          </a:prstGeom>
          <a:ln w="9525" cap="flat" cmpd="sng" algn="ctr">
            <a:solidFill>
              <a:srgbClr val="5C4D7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" name="OTLSHAPE_M_b9a75dd2d1dc41d29dc5dc92b9d8dcbf_Connector1">
            <a:extLst>
              <a:ext uri="{FF2B5EF4-FFF2-40B4-BE49-F238E27FC236}">
                <a16:creationId xmlns:a16="http://schemas.microsoft.com/office/drawing/2014/main" id="{1C834645-8B8E-49B4-AEE3-B084A6D976C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349881" y="1934674"/>
            <a:ext cx="0" cy="1092423"/>
          </a:xfrm>
          <a:prstGeom prst="line">
            <a:avLst/>
          </a:prstGeom>
          <a:ln w="9525" cap="flat" cmpd="sng" algn="ctr">
            <a:solidFill>
              <a:srgbClr val="5C4D7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5" name="OTLSHAPE_M_c533aa2c649c432d894d2c323c6182d4_Connector1">
            <a:extLst>
              <a:ext uri="{FF2B5EF4-FFF2-40B4-BE49-F238E27FC236}">
                <a16:creationId xmlns:a16="http://schemas.microsoft.com/office/drawing/2014/main" id="{54086F24-24BA-4B6C-90F2-55671E3E4AC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27552" y="2638245"/>
            <a:ext cx="0" cy="452353"/>
          </a:xfrm>
          <a:prstGeom prst="line">
            <a:avLst/>
          </a:prstGeom>
          <a:ln w="9525" cap="flat" cmpd="sng" algn="ctr">
            <a:solidFill>
              <a:srgbClr val="892B6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6" name="OTLSHAPE_M_11bc6b6e6db74d8f8ba43a77aa1c4746_Connector1">
            <a:extLst>
              <a:ext uri="{FF2B5EF4-FFF2-40B4-BE49-F238E27FC236}">
                <a16:creationId xmlns:a16="http://schemas.microsoft.com/office/drawing/2014/main" id="{EBFCC877-EB66-4262-AFFB-73EA4398A58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390703" y="2544857"/>
            <a:ext cx="0" cy="482240"/>
          </a:xfrm>
          <a:prstGeom prst="line">
            <a:avLst/>
          </a:prstGeom>
          <a:ln w="9525" cap="flat" cmpd="sng" algn="ctr">
            <a:solidFill>
              <a:srgbClr val="B7094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fa642f3c96754253b097479cc7b0c9b5_Connector1">
            <a:extLst>
              <a:ext uri="{FF2B5EF4-FFF2-40B4-BE49-F238E27FC236}">
                <a16:creationId xmlns:a16="http://schemas.microsoft.com/office/drawing/2014/main" id="{1D6AB1A8-B9CA-44E9-BF73-5AF34E04E11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89768" y="3535097"/>
            <a:ext cx="0" cy="1163773"/>
          </a:xfrm>
          <a:prstGeom prst="line">
            <a:avLst/>
          </a:prstGeom>
          <a:ln w="9525" cap="flat" cmpd="sng" algn="ctr">
            <a:solidFill>
              <a:srgbClr val="0091A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732d55354db24b9b8c85ab9f1adabd25_Connector1">
            <a:extLst>
              <a:ext uri="{FF2B5EF4-FFF2-40B4-BE49-F238E27FC236}">
                <a16:creationId xmlns:a16="http://schemas.microsoft.com/office/drawing/2014/main" id="{A4F0A10E-69B2-4BD3-970F-378E6FA55F2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042548" y="3535097"/>
            <a:ext cx="0" cy="1170195"/>
          </a:xfrm>
          <a:prstGeom prst="line">
            <a:avLst/>
          </a:prstGeom>
          <a:ln w="9525" cap="flat" cmpd="sng" algn="ctr">
            <a:solidFill>
              <a:srgbClr val="0091A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92341ec2cdf41f5bb7a367c61152e1c_Connector1">
            <a:extLst>
              <a:ext uri="{FF2B5EF4-FFF2-40B4-BE49-F238E27FC236}">
                <a16:creationId xmlns:a16="http://schemas.microsoft.com/office/drawing/2014/main" id="{BFEDB1EE-E79A-4149-8B9E-04ADF508F20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537737" y="3535097"/>
            <a:ext cx="0" cy="1163773"/>
          </a:xfrm>
          <a:prstGeom prst="line">
            <a:avLst/>
          </a:prstGeom>
          <a:ln w="9525" cap="flat" cmpd="sng" algn="ctr">
            <a:solidFill>
              <a:srgbClr val="0091A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3" name="OTLSHAPE_TB_00000000000000000000000000000000_ScaleContainer">
            <a:extLst>
              <a:ext uri="{FF2B5EF4-FFF2-40B4-BE49-F238E27FC236}">
                <a16:creationId xmlns:a16="http://schemas.microsoft.com/office/drawing/2014/main" id="{7F4F4F82-3730-4EDE-B5EB-812DF86C51D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090597"/>
            <a:ext cx="10337800" cy="381000"/>
          </a:xfrm>
          <a:prstGeom prst="rect">
            <a:avLst/>
          </a:prstGeom>
          <a:solidFill>
            <a:srgbClr val="874A5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6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3179751"/>
            <a:ext cx="21980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Jan</a:t>
            </a:r>
          </a:p>
        </p:txBody>
      </p:sp>
      <p:sp>
        <p:nvSpPr>
          <p:cNvPr id="977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1871410" y="3179751"/>
            <a:ext cx="241669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Feb</a:t>
            </a:r>
          </a:p>
        </p:txBody>
      </p:sp>
      <p:sp>
        <p:nvSpPr>
          <p:cNvPr id="978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689533" y="3179751"/>
            <a:ext cx="26975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4">
                <a:solidFill>
                  <a:schemeClr val="lt1"/>
                </a:solidFill>
                <a:latin typeface="Segoe UI Semibold" panose="020B0702040204020203" pitchFamily="34" charset="0"/>
              </a:rPr>
              <a:t>Mar</a:t>
            </a:r>
          </a:p>
        </p:txBody>
      </p:sp>
      <p:sp>
        <p:nvSpPr>
          <p:cNvPr id="97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3564077" y="3179751"/>
            <a:ext cx="24327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Apr</a:t>
            </a:r>
          </a:p>
        </p:txBody>
      </p:sp>
      <p:sp>
        <p:nvSpPr>
          <p:cNvPr id="980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4410411" y="3179751"/>
            <a:ext cx="28905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4">
                <a:solidFill>
                  <a:schemeClr val="lt1"/>
                </a:solidFill>
                <a:latin typeface="Segoe UI Semibold" panose="020B0702040204020203" pitchFamily="34" charset="0"/>
              </a:rPr>
              <a:t>May</a:t>
            </a:r>
          </a:p>
        </p:txBody>
      </p:sp>
      <p:sp>
        <p:nvSpPr>
          <p:cNvPr id="981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5284955" y="3179751"/>
            <a:ext cx="23121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Jun</a:t>
            </a:r>
          </a:p>
        </p:txBody>
      </p:sp>
      <p:sp>
        <p:nvSpPr>
          <p:cNvPr id="982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6131289" y="3179751"/>
            <a:ext cx="18306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Jul</a:t>
            </a:r>
          </a:p>
        </p:txBody>
      </p:sp>
      <p:sp>
        <p:nvSpPr>
          <p:cNvPr id="1049" name="OTLSHAPE_TB_00000000000000000000000000000000_TimescaleInterval8">
            <a:extLst>
              <a:ext uri="{FF2B5EF4-FFF2-40B4-BE49-F238E27FC236}">
                <a16:creationId xmlns:a16="http://schemas.microsoft.com/office/drawing/2014/main" id="{0B6ED3CA-B062-459B-8C2F-10EEA8BF2C6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005834" y="3179751"/>
            <a:ext cx="27379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Aug</a:t>
            </a:r>
          </a:p>
        </p:txBody>
      </p:sp>
      <p:sp>
        <p:nvSpPr>
          <p:cNvPr id="1050" name="OTLSHAPE_TB_00000000000000000000000000000000_TimescaleInterval9">
            <a:extLst>
              <a:ext uri="{FF2B5EF4-FFF2-40B4-BE49-F238E27FC236}">
                <a16:creationId xmlns:a16="http://schemas.microsoft.com/office/drawing/2014/main" id="{982D0893-1722-4522-AC32-1B033C0AD23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880379" y="3179751"/>
            <a:ext cx="24808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>
                <a:solidFill>
                  <a:schemeClr val="lt1"/>
                </a:solidFill>
                <a:latin typeface="Segoe UI Semibold" panose="020B0702040204020203" pitchFamily="34" charset="0"/>
              </a:rPr>
              <a:t>Sep</a:t>
            </a:r>
          </a:p>
        </p:txBody>
      </p:sp>
      <p:sp>
        <p:nvSpPr>
          <p:cNvPr id="1051" name="OTLSHAPE_TB_00000000000000000000000000000000_TimescaleInterval10">
            <a:extLst>
              <a:ext uri="{FF2B5EF4-FFF2-40B4-BE49-F238E27FC236}">
                <a16:creationId xmlns:a16="http://schemas.microsoft.com/office/drawing/2014/main" id="{B00995D1-365F-4E90-BEED-1D424173876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26712" y="3179751"/>
            <a:ext cx="23525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4">
                <a:solidFill>
                  <a:schemeClr val="lt1"/>
                </a:solidFill>
                <a:latin typeface="Segoe UI Semibold" panose="020B0702040204020203" pitchFamily="34" charset="0"/>
              </a:rPr>
              <a:t>Oct</a:t>
            </a:r>
          </a:p>
        </p:txBody>
      </p:sp>
      <p:sp>
        <p:nvSpPr>
          <p:cNvPr id="1052" name="OTLSHAPE_TB_00000000000000000000000000000000_TimescaleInterval11">
            <a:extLst>
              <a:ext uri="{FF2B5EF4-FFF2-40B4-BE49-F238E27FC236}">
                <a16:creationId xmlns:a16="http://schemas.microsoft.com/office/drawing/2014/main" id="{EE75E815-EDB8-44E0-B290-D50B105E511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601257" y="3179751"/>
            <a:ext cx="276999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4">
                <a:solidFill>
                  <a:schemeClr val="lt1"/>
                </a:solidFill>
                <a:latin typeface="Segoe UI Semibold" panose="020B0702040204020203" pitchFamily="34" charset="0"/>
              </a:rPr>
              <a:t>Nov</a:t>
            </a:r>
          </a:p>
        </p:txBody>
      </p:sp>
      <p:sp>
        <p:nvSpPr>
          <p:cNvPr id="1053" name="OTLSHAPE_TB_00000000000000000000000000000000_TimescaleInterval12">
            <a:extLst>
              <a:ext uri="{FF2B5EF4-FFF2-40B4-BE49-F238E27FC236}">
                <a16:creationId xmlns:a16="http://schemas.microsoft.com/office/drawing/2014/main" id="{DA327248-BCB2-41AA-B099-C58310D185D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447590" y="3179751"/>
            <a:ext cx="25372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2" dirty="0">
                <a:solidFill>
                  <a:schemeClr val="lt1"/>
                </a:solidFill>
                <a:latin typeface="Segoe UI Semibold" panose="020B0702040204020203" pitchFamily="34" charset="0"/>
              </a:rPr>
              <a:t>Dec</a:t>
            </a:r>
          </a:p>
        </p:txBody>
      </p:sp>
      <p:cxnSp>
        <p:nvCxnSpPr>
          <p:cNvPr id="1165" name="OTLSHAPE_TB_00000000000000000000000000000000_Separator1">
            <a:extLst>
              <a:ext uri="{FF2B5EF4-FFF2-40B4-BE49-F238E27FC236}">
                <a16:creationId xmlns:a16="http://schemas.microsoft.com/office/drawing/2014/main" id="{B8EB6E6B-F96F-4F7D-B6CE-88975AC27E9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07910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6" name="OTLSHAPE_TB_00000000000000000000000000000000_Separator2">
            <a:extLst>
              <a:ext uri="{FF2B5EF4-FFF2-40B4-BE49-F238E27FC236}">
                <a16:creationId xmlns:a16="http://schemas.microsoft.com/office/drawing/2014/main" id="{46FAF08B-5F54-4CEC-9384-20AAE018AFA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626032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7" name="OTLSHAPE_TB_00000000000000000000000000000000_Separator3">
            <a:extLst>
              <a:ext uri="{FF2B5EF4-FFF2-40B4-BE49-F238E27FC236}">
                <a16:creationId xmlns:a16="http://schemas.microsoft.com/office/drawing/2014/main" id="{404C3646-CE4B-4135-9092-78895A689260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500577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8" name="OTLSHAPE_TB_00000000000000000000000000000000_Separator4">
            <a:extLst>
              <a:ext uri="{FF2B5EF4-FFF2-40B4-BE49-F238E27FC236}">
                <a16:creationId xmlns:a16="http://schemas.microsoft.com/office/drawing/2014/main" id="{7A171F2A-AE96-436B-B977-4B190AE2418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346910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9" name="OTLSHAPE_TB_00000000000000000000000000000000_Separator5">
            <a:extLst>
              <a:ext uri="{FF2B5EF4-FFF2-40B4-BE49-F238E27FC236}">
                <a16:creationId xmlns:a16="http://schemas.microsoft.com/office/drawing/2014/main" id="{9EFACC3A-373F-477D-ABAA-43462B4D7B33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221455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" name="OTLSHAPE_TB_00000000000000000000000000000000_Separator6">
            <a:extLst>
              <a:ext uri="{FF2B5EF4-FFF2-40B4-BE49-F238E27FC236}">
                <a16:creationId xmlns:a16="http://schemas.microsoft.com/office/drawing/2014/main" id="{A04CEAAE-2C2B-4C29-B8C0-B297FC76FEA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067789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" name="OTLSHAPE_TB_00000000000000000000000000000000_Separator7">
            <a:extLst>
              <a:ext uri="{FF2B5EF4-FFF2-40B4-BE49-F238E27FC236}">
                <a16:creationId xmlns:a16="http://schemas.microsoft.com/office/drawing/2014/main" id="{E1BB1A44-3BE9-4709-97F5-F690120A711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42334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" name="OTLSHAPE_TB_00000000000000000000000000000000_Separator8">
            <a:extLst>
              <a:ext uri="{FF2B5EF4-FFF2-40B4-BE49-F238E27FC236}">
                <a16:creationId xmlns:a16="http://schemas.microsoft.com/office/drawing/2014/main" id="{A560838F-06E5-4C1F-AD9F-364ADEE52B64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816878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3" name="OTLSHAPE_TB_00000000000000000000000000000000_Separator9">
            <a:extLst>
              <a:ext uri="{FF2B5EF4-FFF2-40B4-BE49-F238E27FC236}">
                <a16:creationId xmlns:a16="http://schemas.microsoft.com/office/drawing/2014/main" id="{556861CE-5AF3-40E9-AFE4-0D79B896759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663212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4" name="OTLSHAPE_TB_00000000000000000000000000000000_Separator10">
            <a:extLst>
              <a:ext uri="{FF2B5EF4-FFF2-40B4-BE49-F238E27FC236}">
                <a16:creationId xmlns:a16="http://schemas.microsoft.com/office/drawing/2014/main" id="{71DDD536-E6C1-4D68-9254-8F169D9828C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537757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5" name="OTLSHAPE_TB_00000000000000000000000000000000_Separator11">
            <a:extLst>
              <a:ext uri="{FF2B5EF4-FFF2-40B4-BE49-F238E27FC236}">
                <a16:creationId xmlns:a16="http://schemas.microsoft.com/office/drawing/2014/main" id="{11C06BB9-6ADC-4D43-B791-E84D14A5FBE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384090" y="317949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2" name="OTLSHAPE_M_11bc6b6e6db74d8f8ba43a77aa1c4746_Shape">
            <a:extLst>
              <a:ext uri="{FF2B5EF4-FFF2-40B4-BE49-F238E27FC236}">
                <a16:creationId xmlns:a16="http://schemas.microsoft.com/office/drawing/2014/main" id="{C0BC60E7-EECD-4AAA-B399-B71DCF2414C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276403" y="2900097"/>
            <a:ext cx="228600" cy="254000"/>
          </a:xfrm>
          <a:prstGeom prst="diamond">
            <a:avLst/>
          </a:prstGeom>
          <a:solidFill>
            <a:srgbClr val="B7094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0" name="OTLSHAPE_M_b9a75dd2d1dc41d29dc5dc92b9d8dcbf_Shape">
            <a:extLst>
              <a:ext uri="{FF2B5EF4-FFF2-40B4-BE49-F238E27FC236}">
                <a16:creationId xmlns:a16="http://schemas.microsoft.com/office/drawing/2014/main" id="{4A205305-99D0-4335-995C-A62E70A7DF5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flipV="1">
            <a:off x="6235581" y="2900097"/>
            <a:ext cx="228600" cy="254000"/>
          </a:xfrm>
          <a:prstGeom prst="triangle">
            <a:avLst/>
          </a:prstGeom>
          <a:solidFill>
            <a:srgbClr val="5C4D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6" name="OTLSHAPE_M_db0fbaae48234ace984818d7bc1e70ae_Shape">
            <a:extLst>
              <a:ext uri="{FF2B5EF4-FFF2-40B4-BE49-F238E27FC236}">
                <a16:creationId xmlns:a16="http://schemas.microsoft.com/office/drawing/2014/main" id="{018E66FE-3ACE-4493-81E1-54B54FA3F80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flipV="1">
            <a:off x="7561504" y="2900097"/>
            <a:ext cx="228600" cy="254000"/>
          </a:xfrm>
          <a:prstGeom prst="triangle">
            <a:avLst/>
          </a:prstGeom>
          <a:solidFill>
            <a:srgbClr val="5C4D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" name="OTLSHAPE_M_b986982e89684e9d8c4472c292ab495c_Shape">
            <a:extLst>
              <a:ext uri="{FF2B5EF4-FFF2-40B4-BE49-F238E27FC236}">
                <a16:creationId xmlns:a16="http://schemas.microsoft.com/office/drawing/2014/main" id="{05342919-3C98-4D5F-B065-69335AE6649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flipH="1">
            <a:off x="3160569" y="3408097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" name="OTLSHAPE_M_3567cd86567747e2b92d3f9bf6061d0d_Shape">
            <a:extLst>
              <a:ext uri="{FF2B5EF4-FFF2-40B4-BE49-F238E27FC236}">
                <a16:creationId xmlns:a16="http://schemas.microsoft.com/office/drawing/2014/main" id="{77109114-148B-4EAD-A6D7-064EB46AC82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03679" y="2900097"/>
            <a:ext cx="228600" cy="254000"/>
          </a:xfrm>
          <a:prstGeom prst="diamond">
            <a:avLst/>
          </a:prstGeom>
          <a:solidFill>
            <a:srgbClr val="B7094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M_fa642f3c96754253b097479cc7b0c9b5_Shape">
            <a:extLst>
              <a:ext uri="{FF2B5EF4-FFF2-40B4-BE49-F238E27FC236}">
                <a16:creationId xmlns:a16="http://schemas.microsoft.com/office/drawing/2014/main" id="{131A1662-CDE7-4317-8FB5-2E544ADCED5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5468" y="3408097"/>
            <a:ext cx="228600" cy="254000"/>
          </a:xfrm>
          <a:prstGeom prst="upArrow">
            <a:avLst/>
          </a:prstGeom>
          <a:solidFill>
            <a:srgbClr val="0091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M_732d55354db24b9b8c85ab9f1adabd25_Shape">
            <a:extLst>
              <a:ext uri="{FF2B5EF4-FFF2-40B4-BE49-F238E27FC236}">
                <a16:creationId xmlns:a16="http://schemas.microsoft.com/office/drawing/2014/main" id="{500AFB0F-C90C-4472-9B5D-E7D8460C727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928248" y="3408097"/>
            <a:ext cx="228600" cy="254000"/>
          </a:xfrm>
          <a:prstGeom prst="upArrow">
            <a:avLst/>
          </a:prstGeom>
          <a:solidFill>
            <a:srgbClr val="0091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792341ec2cdf41f5bb7a367c61152e1c_Shape">
            <a:extLst>
              <a:ext uri="{FF2B5EF4-FFF2-40B4-BE49-F238E27FC236}">
                <a16:creationId xmlns:a16="http://schemas.microsoft.com/office/drawing/2014/main" id="{E8219908-5013-45CE-A7AA-A1FA9A66E89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423437" y="3408097"/>
            <a:ext cx="228600" cy="254000"/>
          </a:xfrm>
          <a:prstGeom prst="upArrow">
            <a:avLst/>
          </a:prstGeom>
          <a:solidFill>
            <a:srgbClr val="0091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M_7362f985cf4843c3b79177f6a32d945a_Shape">
            <a:extLst>
              <a:ext uri="{FF2B5EF4-FFF2-40B4-BE49-F238E27FC236}">
                <a16:creationId xmlns:a16="http://schemas.microsoft.com/office/drawing/2014/main" id="{90886C00-58EB-493D-9098-7FC9E693836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flipV="1">
            <a:off x="4289013" y="3408097"/>
            <a:ext cx="228600" cy="254000"/>
          </a:xfrm>
          <a:prstGeom prst="flowChartManualOperation">
            <a:avLst/>
          </a:prstGeom>
          <a:solidFill>
            <a:srgbClr val="455E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828c05fdcbf54384956598f3fad6df95_Shape">
            <a:extLst>
              <a:ext uri="{FF2B5EF4-FFF2-40B4-BE49-F238E27FC236}">
                <a16:creationId xmlns:a16="http://schemas.microsoft.com/office/drawing/2014/main" id="{9AB6141A-5976-424B-8664-A8606801340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flipV="1">
            <a:off x="6094525" y="3408097"/>
            <a:ext cx="228600" cy="254000"/>
          </a:xfrm>
          <a:prstGeom prst="flowChartManualOperation">
            <a:avLst/>
          </a:prstGeom>
          <a:solidFill>
            <a:srgbClr val="455E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9a226a45657548d38dde80647f13c681_Shape">
            <a:extLst>
              <a:ext uri="{FF2B5EF4-FFF2-40B4-BE49-F238E27FC236}">
                <a16:creationId xmlns:a16="http://schemas.microsoft.com/office/drawing/2014/main" id="{B6B549B2-161B-45DB-9A79-D24E1E29658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2911663" y="2617924"/>
            <a:ext cx="165100" cy="165100"/>
          </a:xfrm>
          <a:prstGeom prst="flowChartMerge">
            <a:avLst/>
          </a:prstGeom>
          <a:solidFill>
            <a:srgbClr val="892B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533aa2c649c432d894d2c323c6182d4_Shape">
            <a:extLst>
              <a:ext uri="{FF2B5EF4-FFF2-40B4-BE49-F238E27FC236}">
                <a16:creationId xmlns:a16="http://schemas.microsoft.com/office/drawing/2014/main" id="{F16622A7-7189-4021-A4DD-CF722D3A6AF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4152952" y="2638244"/>
            <a:ext cx="165100" cy="165100"/>
          </a:xfrm>
          <a:prstGeom prst="flowChartMerge">
            <a:avLst/>
          </a:prstGeom>
          <a:solidFill>
            <a:srgbClr val="892B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3" name="OTLSHAPE_M_ff7402716fcb45a78ab8c45cff171d5f_Shape">
            <a:extLst>
              <a:ext uri="{FF2B5EF4-FFF2-40B4-BE49-F238E27FC236}">
                <a16:creationId xmlns:a16="http://schemas.microsoft.com/office/drawing/2014/main" id="{5D48F4C1-5480-495E-B61B-35DE6A2BB18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flipV="1">
            <a:off x="1891068" y="3408097"/>
            <a:ext cx="228600" cy="254000"/>
          </a:xfrm>
          <a:prstGeom prst="flowChartManualOperation">
            <a:avLst/>
          </a:prstGeom>
          <a:solidFill>
            <a:srgbClr val="455E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9a3d1f2249ce4f03b3d9743bde57fe44_Shape">
            <a:extLst>
              <a:ext uri="{FF2B5EF4-FFF2-40B4-BE49-F238E27FC236}">
                <a16:creationId xmlns:a16="http://schemas.microsoft.com/office/drawing/2014/main" id="{B9D5EBF4-B935-4B4B-89EA-B74966FFD3F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297982" y="290009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92B6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M_3567cd86567747e2b92d3f9bf6061d0d_Title">
            <a:extLst>
              <a:ext uri="{FF2B5EF4-FFF2-40B4-BE49-F238E27FC236}">
                <a16:creationId xmlns:a16="http://schemas.microsoft.com/office/drawing/2014/main" id="{89B3C33A-E89B-46D7-BCEE-0A4B4FA9523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48811" y="2160851"/>
            <a:ext cx="7493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2" dirty="0">
                <a:solidFill>
                  <a:srgbClr val="B7094C"/>
                </a:solidFill>
                <a:latin typeface="Open Sans" panose="020B0606030504020204" pitchFamily="34" charset="0"/>
              </a:rPr>
              <a:t>Set Goals </a:t>
            </a:r>
          </a:p>
        </p:txBody>
      </p:sp>
      <p:sp>
        <p:nvSpPr>
          <p:cNvPr id="15" name="OTLSHAPE_M_3567cd86567747e2b92d3f9bf6061d0d_Date">
            <a:extLst>
              <a:ext uri="{FF2B5EF4-FFF2-40B4-BE49-F238E27FC236}">
                <a16:creationId xmlns:a16="http://schemas.microsoft.com/office/drawing/2014/main" id="{7C52BC2B-75AE-4CE2-A7C2-C86C11495FB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94895" y="2381112"/>
            <a:ext cx="2540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B7094C"/>
                </a:solidFill>
                <a:latin typeface="Open Sans" panose="020B0606030504020204" pitchFamily="34" charset="0"/>
              </a:rPr>
              <a:t>Jan 3</a:t>
            </a:r>
            <a:endParaRPr lang="en-US" sz="800" b="1" spc="-6" dirty="0">
              <a:solidFill>
                <a:srgbClr val="B7094C"/>
              </a:solidFill>
              <a:latin typeface="Open Sans" panose="020B0606030504020204" pitchFamily="34" charset="0"/>
            </a:endParaRPr>
          </a:p>
        </p:txBody>
      </p:sp>
      <p:sp>
        <p:nvSpPr>
          <p:cNvPr id="17" name="OTLSHAPE_M_fa642f3c96754253b097479cc7b0c9b5_Title">
            <a:extLst>
              <a:ext uri="{FF2B5EF4-FFF2-40B4-BE49-F238E27FC236}">
                <a16:creationId xmlns:a16="http://schemas.microsoft.com/office/drawing/2014/main" id="{3B70724E-4593-4E04-89E2-42D579B05E8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99319" y="4875316"/>
            <a:ext cx="5842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6" dirty="0">
                <a:solidFill>
                  <a:srgbClr val="0091AD"/>
                </a:solidFill>
                <a:latin typeface="Open Sans" panose="020B0606030504020204" pitchFamily="34" charset="0"/>
              </a:rPr>
              <a:t>Budget </a:t>
            </a:r>
          </a:p>
        </p:txBody>
      </p:sp>
      <p:sp>
        <p:nvSpPr>
          <p:cNvPr id="18" name="OTLSHAPE_M_fa642f3c96754253b097479cc7b0c9b5_Date">
            <a:extLst>
              <a:ext uri="{FF2B5EF4-FFF2-40B4-BE49-F238E27FC236}">
                <a16:creationId xmlns:a16="http://schemas.microsoft.com/office/drawing/2014/main" id="{4593576B-4FE2-4B33-B0AD-4090317E413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66684" y="4724271"/>
            <a:ext cx="2540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0091AD"/>
                </a:solidFill>
                <a:latin typeface="Open Sans" panose="020B0606030504020204" pitchFamily="34" charset="0"/>
              </a:rPr>
              <a:t>Jan 2</a:t>
            </a:r>
            <a:endParaRPr lang="en-US" sz="800" b="1" spc="-6" dirty="0">
              <a:solidFill>
                <a:srgbClr val="0091AD"/>
              </a:solidFill>
              <a:latin typeface="Open Sans" panose="020B0606030504020204" pitchFamily="34" charset="0"/>
            </a:endParaRPr>
          </a:p>
        </p:txBody>
      </p:sp>
      <p:sp>
        <p:nvSpPr>
          <p:cNvPr id="20" name="OTLSHAPE_M_ff7402716fcb45a78ab8c45cff171d5f_Title">
            <a:extLst>
              <a:ext uri="{FF2B5EF4-FFF2-40B4-BE49-F238E27FC236}">
                <a16:creationId xmlns:a16="http://schemas.microsoft.com/office/drawing/2014/main" id="{D936B8C8-6F1F-4A44-BE01-DC1F0874971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429148" y="4407918"/>
            <a:ext cx="11557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>
                <a:solidFill>
                  <a:srgbClr val="455E89"/>
                </a:solidFill>
                <a:latin typeface="Open Sans" panose="020B0606030504020204" pitchFamily="34" charset="0"/>
              </a:rPr>
              <a:t>Project Kickoff </a:t>
            </a:r>
          </a:p>
        </p:txBody>
      </p:sp>
      <p:sp>
        <p:nvSpPr>
          <p:cNvPr id="21" name="OTLSHAPE_M_ff7402716fcb45a78ab8c45cff171d5f_Date">
            <a:extLst>
              <a:ext uri="{FF2B5EF4-FFF2-40B4-BE49-F238E27FC236}">
                <a16:creationId xmlns:a16="http://schemas.microsoft.com/office/drawing/2014/main" id="{77256798-3D43-4C1A-98E3-2A976E38542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873140" y="4256873"/>
            <a:ext cx="2667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455E89"/>
                </a:solidFill>
                <a:latin typeface="Open Sans" panose="020B0606030504020204" pitchFamily="34" charset="0"/>
              </a:rPr>
              <a:t>Feb 7</a:t>
            </a:r>
            <a:endParaRPr lang="en-US" sz="800" b="1" spc="-6" dirty="0">
              <a:solidFill>
                <a:srgbClr val="455E89"/>
              </a:solidFill>
              <a:latin typeface="Open Sans" panose="020B0606030504020204" pitchFamily="34" charset="0"/>
            </a:endParaRPr>
          </a:p>
        </p:txBody>
      </p:sp>
      <p:sp>
        <p:nvSpPr>
          <p:cNvPr id="23" name="OTLSHAPE_M_9a226a45657548d38dde80647f13c681_Title">
            <a:extLst>
              <a:ext uri="{FF2B5EF4-FFF2-40B4-BE49-F238E27FC236}">
                <a16:creationId xmlns:a16="http://schemas.microsoft.com/office/drawing/2014/main" id="{034FB783-DFE2-44B1-A6DF-F75601B006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108513" y="2495771"/>
            <a:ext cx="5588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16" dirty="0">
                <a:solidFill>
                  <a:srgbClr val="892B64"/>
                </a:solidFill>
                <a:latin typeface="Open Sans" panose="020B0606030504020204" pitchFamily="34" charset="0"/>
              </a:rPr>
              <a:t>Launch</a:t>
            </a:r>
          </a:p>
        </p:txBody>
      </p:sp>
      <p:sp>
        <p:nvSpPr>
          <p:cNvPr id="24" name="OTLSHAPE_M_9a226a45657548d38dde80647f13c681_Date">
            <a:extLst>
              <a:ext uri="{FF2B5EF4-FFF2-40B4-BE49-F238E27FC236}">
                <a16:creationId xmlns:a16="http://schemas.microsoft.com/office/drawing/2014/main" id="{051AAAFB-1AA5-4E8B-8069-75BE900E455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108513" y="2716032"/>
            <a:ext cx="2921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4">
                <a:solidFill>
                  <a:srgbClr val="892B64"/>
                </a:solidFill>
                <a:latin typeface="Open Sans" panose="020B0606030504020204" pitchFamily="34" charset="0"/>
              </a:rPr>
              <a:t>Mar 9</a:t>
            </a:r>
            <a:endParaRPr lang="en-US" sz="800" b="1" spc="-4" dirty="0">
              <a:solidFill>
                <a:srgbClr val="892B64"/>
              </a:solidFill>
              <a:latin typeface="Open Sans" panose="020B0606030504020204" pitchFamily="34" charset="0"/>
            </a:endParaRPr>
          </a:p>
        </p:txBody>
      </p:sp>
      <p:sp>
        <p:nvSpPr>
          <p:cNvPr id="26" name="OTLSHAPE_M_c533aa2c649c432d894d2c323c6182d4_Title">
            <a:extLst>
              <a:ext uri="{FF2B5EF4-FFF2-40B4-BE49-F238E27FC236}">
                <a16:creationId xmlns:a16="http://schemas.microsoft.com/office/drawing/2014/main" id="{00D0D585-C5B4-4F45-9B67-FD936C28EDA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349802" y="2516092"/>
            <a:ext cx="3683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4" dirty="0">
                <a:solidFill>
                  <a:srgbClr val="892B64"/>
                </a:solidFill>
                <a:latin typeface="Open Sans" panose="020B0606030504020204" pitchFamily="34" charset="0"/>
              </a:rPr>
              <a:t>Expo</a:t>
            </a:r>
          </a:p>
        </p:txBody>
      </p:sp>
      <p:sp>
        <p:nvSpPr>
          <p:cNvPr id="27" name="OTLSHAPE_M_c533aa2c649c432d894d2c323c6182d4_Date">
            <a:extLst>
              <a:ext uri="{FF2B5EF4-FFF2-40B4-BE49-F238E27FC236}">
                <a16:creationId xmlns:a16="http://schemas.microsoft.com/office/drawing/2014/main" id="{11C1DBB5-916B-4FDE-A06A-069E59E60BA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349802" y="2736352"/>
            <a:ext cx="3302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6">
                <a:solidFill>
                  <a:srgbClr val="892B64"/>
                </a:solidFill>
                <a:latin typeface="Open Sans" panose="020B0606030504020204" pitchFamily="34" charset="0"/>
              </a:rPr>
              <a:t>Apr 22</a:t>
            </a:r>
            <a:endParaRPr lang="en-US" sz="800" b="1" spc="-6" dirty="0">
              <a:solidFill>
                <a:srgbClr val="892B64"/>
              </a:solidFill>
              <a:latin typeface="Open Sans" panose="020B0606030504020204" pitchFamily="34" charset="0"/>
            </a:endParaRPr>
          </a:p>
        </p:txBody>
      </p:sp>
      <p:sp>
        <p:nvSpPr>
          <p:cNvPr id="29" name="OTLSHAPE_M_b986982e89684e9d8c4472c292ab495c_Title">
            <a:extLst>
              <a:ext uri="{FF2B5EF4-FFF2-40B4-BE49-F238E27FC236}">
                <a16:creationId xmlns:a16="http://schemas.microsoft.com/office/drawing/2014/main" id="{75BE61E4-E91D-4BAA-8710-E00B8E1D592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706776" y="4135977"/>
            <a:ext cx="11430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0" dirty="0">
                <a:solidFill>
                  <a:srgbClr val="B20E12"/>
                </a:solidFill>
                <a:latin typeface="Open Sans" panose="020B0606030504020204" pitchFamily="34" charset="0"/>
              </a:rPr>
              <a:t>System Review</a:t>
            </a:r>
          </a:p>
        </p:txBody>
      </p:sp>
      <p:sp>
        <p:nvSpPr>
          <p:cNvPr id="30" name="OTLSHAPE_M_b986982e89684e9d8c4472c292ab495c_Date">
            <a:extLst>
              <a:ext uri="{FF2B5EF4-FFF2-40B4-BE49-F238E27FC236}">
                <a16:creationId xmlns:a16="http://schemas.microsoft.com/office/drawing/2014/main" id="{1961816A-F1D9-4AC3-8A7E-4FB63471D8F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102022" y="3984932"/>
            <a:ext cx="355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B20E12"/>
                </a:solidFill>
                <a:latin typeface="Open Sans" panose="020B0606030504020204" pitchFamily="34" charset="0"/>
              </a:rPr>
              <a:t>Mar 23</a:t>
            </a:r>
            <a:endParaRPr lang="en-US" sz="800" b="1" spc="-4" dirty="0">
              <a:solidFill>
                <a:srgbClr val="B20E12"/>
              </a:solidFill>
              <a:latin typeface="Open Sans" panose="020B0606030504020204" pitchFamily="34" charset="0"/>
            </a:endParaRPr>
          </a:p>
        </p:txBody>
      </p:sp>
      <p:sp>
        <p:nvSpPr>
          <p:cNvPr id="960" name="OTLSHAPE_M_7362f985cf4843c3b79177f6a32d945a_Title">
            <a:extLst>
              <a:ext uri="{FF2B5EF4-FFF2-40B4-BE49-F238E27FC236}">
                <a16:creationId xmlns:a16="http://schemas.microsoft.com/office/drawing/2014/main" id="{C9959A44-4CB4-4D03-82CB-B19FA64D715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91085" y="3838542"/>
            <a:ext cx="16256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>
                <a:solidFill>
                  <a:srgbClr val="455E89"/>
                </a:solidFill>
                <a:latin typeface="Open Sans" panose="020B0606030504020204" pitchFamily="34" charset="0"/>
              </a:rPr>
              <a:t>Business Plan Review</a:t>
            </a:r>
          </a:p>
        </p:txBody>
      </p:sp>
      <p:sp>
        <p:nvSpPr>
          <p:cNvPr id="961" name="OTLSHAPE_M_7362f985cf4843c3b79177f6a32d945a_Date">
            <a:extLst>
              <a:ext uri="{FF2B5EF4-FFF2-40B4-BE49-F238E27FC236}">
                <a16:creationId xmlns:a16="http://schemas.microsoft.com/office/drawing/2014/main" id="{DFDD2E56-4FD0-4FD5-99A5-EC1C4F807CB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253644" y="3687497"/>
            <a:ext cx="3048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455E89"/>
                </a:solidFill>
                <a:latin typeface="Open Sans" panose="020B0606030504020204" pitchFamily="34" charset="0"/>
              </a:rPr>
              <a:t>May 2</a:t>
            </a:r>
          </a:p>
        </p:txBody>
      </p:sp>
      <p:sp>
        <p:nvSpPr>
          <p:cNvPr id="963" name="OTLSHAPE_M_828c05fdcbf54384956598f3fad6df95_Title">
            <a:extLst>
              <a:ext uri="{FF2B5EF4-FFF2-40B4-BE49-F238E27FC236}">
                <a16:creationId xmlns:a16="http://schemas.microsoft.com/office/drawing/2014/main" id="{AB2FE256-9461-408D-ABA2-428C013E7B8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70278" y="3838542"/>
            <a:ext cx="14859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8" dirty="0">
                <a:solidFill>
                  <a:srgbClr val="455E89"/>
                </a:solidFill>
                <a:latin typeface="Open Sans" panose="020B0606030504020204" pitchFamily="34" charset="0"/>
              </a:rPr>
              <a:t>Budget Adjustment</a:t>
            </a:r>
          </a:p>
        </p:txBody>
      </p:sp>
      <p:sp>
        <p:nvSpPr>
          <p:cNvPr id="964" name="OTLSHAPE_M_828c05fdcbf54384956598f3fad6df95_Date">
            <a:extLst>
              <a:ext uri="{FF2B5EF4-FFF2-40B4-BE49-F238E27FC236}">
                <a16:creationId xmlns:a16="http://schemas.microsoft.com/office/drawing/2014/main" id="{29CF89AC-06A6-4ADD-9E7E-8DD9B57322B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100938" y="3687497"/>
            <a:ext cx="215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455E89"/>
                </a:solidFill>
                <a:latin typeface="Open Sans" panose="020B0606030504020204" pitchFamily="34" charset="0"/>
              </a:rPr>
              <a:t>Jul 5</a:t>
            </a:r>
            <a:endParaRPr lang="en-US" sz="800" b="1" spc="-6" dirty="0">
              <a:solidFill>
                <a:srgbClr val="455E89"/>
              </a:solidFill>
              <a:latin typeface="Open Sans" panose="020B0606030504020204" pitchFamily="34" charset="0"/>
            </a:endParaRPr>
          </a:p>
        </p:txBody>
      </p:sp>
      <p:sp>
        <p:nvSpPr>
          <p:cNvPr id="966" name="OTLSHAPE_M_11bc6b6e6db74d8f8ba43a77aa1c4746_Title">
            <a:extLst>
              <a:ext uri="{FF2B5EF4-FFF2-40B4-BE49-F238E27FC236}">
                <a16:creationId xmlns:a16="http://schemas.microsoft.com/office/drawing/2014/main" id="{5BB01C4C-1D7F-4C01-B3FE-D7C53D5D966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83101" y="2160851"/>
            <a:ext cx="14224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>
                <a:solidFill>
                  <a:srgbClr val="B7094C"/>
                </a:solidFill>
                <a:latin typeface="Open Sans" panose="020B0606030504020204" pitchFamily="34" charset="0"/>
              </a:rPr>
              <a:t>Initial Goal Review</a:t>
            </a:r>
          </a:p>
        </p:txBody>
      </p:sp>
      <p:sp>
        <p:nvSpPr>
          <p:cNvPr id="967" name="OTLSHAPE_M_11bc6b6e6db74d8f8ba43a77aa1c4746_Date">
            <a:extLst>
              <a:ext uri="{FF2B5EF4-FFF2-40B4-BE49-F238E27FC236}">
                <a16:creationId xmlns:a16="http://schemas.microsoft.com/office/drawing/2014/main" id="{0153F1A7-E6FB-4B63-A2AE-033AF023EB3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264930" y="2381112"/>
            <a:ext cx="2540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B7094C"/>
                </a:solidFill>
                <a:latin typeface="Open Sans" panose="020B0606030504020204" pitchFamily="34" charset="0"/>
              </a:rPr>
              <a:t>Jun 6</a:t>
            </a:r>
            <a:endParaRPr lang="en-US" sz="800" b="1" spc="-4" dirty="0">
              <a:solidFill>
                <a:srgbClr val="B7094C"/>
              </a:solidFill>
              <a:latin typeface="Open Sans" panose="020B0606030504020204" pitchFamily="34" charset="0"/>
            </a:endParaRPr>
          </a:p>
        </p:txBody>
      </p:sp>
      <p:sp>
        <p:nvSpPr>
          <p:cNvPr id="1046" name="OTLSHAPE_M_b9a75dd2d1dc41d29dc5dc92b9d8dcbf_Title">
            <a:extLst>
              <a:ext uri="{FF2B5EF4-FFF2-40B4-BE49-F238E27FC236}">
                <a16:creationId xmlns:a16="http://schemas.microsoft.com/office/drawing/2014/main" id="{7522D677-3B67-4EB3-9200-F8ED094A494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833816" y="1550669"/>
            <a:ext cx="10414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5C4D7D"/>
                </a:solidFill>
                <a:latin typeface="Open Sans" panose="020B0606030504020204" pitchFamily="34" charset="0"/>
              </a:rPr>
              <a:t>Policy Review</a:t>
            </a:r>
          </a:p>
        </p:txBody>
      </p:sp>
      <p:sp>
        <p:nvSpPr>
          <p:cNvPr id="1047" name="OTLSHAPE_M_b9a75dd2d1dc41d29dc5dc92b9d8dcbf_Date">
            <a:extLst>
              <a:ext uri="{FF2B5EF4-FFF2-40B4-BE49-F238E27FC236}">
                <a16:creationId xmlns:a16="http://schemas.microsoft.com/office/drawing/2014/main" id="{A3AFD192-DC90-4B64-BA7C-0A8AF374FD9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212996" y="1770929"/>
            <a:ext cx="2794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5C4D7D"/>
                </a:solidFill>
                <a:latin typeface="Open Sans" panose="020B0606030504020204" pitchFamily="34" charset="0"/>
              </a:rPr>
              <a:t>Jul 10</a:t>
            </a:r>
            <a:endParaRPr lang="en-US" sz="800" b="1" spc="-6" dirty="0">
              <a:solidFill>
                <a:srgbClr val="5C4D7D"/>
              </a:solidFill>
              <a:latin typeface="Open Sans" panose="020B0606030504020204" pitchFamily="34" charset="0"/>
            </a:endParaRPr>
          </a:p>
        </p:txBody>
      </p:sp>
      <p:sp>
        <p:nvSpPr>
          <p:cNvPr id="1057" name="OTLSHAPE_M_db0fbaae48234ace984818d7bc1e70ae_Title">
            <a:extLst>
              <a:ext uri="{FF2B5EF4-FFF2-40B4-BE49-F238E27FC236}">
                <a16:creationId xmlns:a16="http://schemas.microsoft.com/office/drawing/2014/main" id="{EC1F9BA2-96DE-4BB9-BD9F-9D275D502E0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300984" y="1559167"/>
            <a:ext cx="7620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rgbClr val="5C4D7D"/>
                </a:solidFill>
                <a:latin typeface="Open Sans" panose="020B0606030504020204" pitchFamily="34" charset="0"/>
              </a:rPr>
              <a:t>Reporting</a:t>
            </a:r>
          </a:p>
        </p:txBody>
      </p:sp>
      <p:sp>
        <p:nvSpPr>
          <p:cNvPr id="1058" name="OTLSHAPE_M_db0fbaae48234ace984818d7bc1e70ae_Date">
            <a:extLst>
              <a:ext uri="{FF2B5EF4-FFF2-40B4-BE49-F238E27FC236}">
                <a16:creationId xmlns:a16="http://schemas.microsoft.com/office/drawing/2014/main" id="{23BC16A6-4ED6-48A8-B9C0-4A757987E0B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507486" y="1779427"/>
            <a:ext cx="342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5C4D7D"/>
                </a:solidFill>
                <a:latin typeface="Open Sans" panose="020B0606030504020204" pitchFamily="34" charset="0"/>
              </a:rPr>
              <a:t>Aug 26</a:t>
            </a:r>
            <a:endParaRPr lang="en-US" sz="800" b="1" spc="-4" dirty="0">
              <a:solidFill>
                <a:srgbClr val="5C4D7D"/>
              </a:solidFill>
              <a:latin typeface="Open Sans" panose="020B0606030504020204" pitchFamily="34" charset="0"/>
            </a:endParaRPr>
          </a:p>
        </p:txBody>
      </p:sp>
      <p:sp>
        <p:nvSpPr>
          <p:cNvPr id="1060" name="OTLSHAPE_M_9a3d1f2249ce4f03b3d9743bde57fe44_Title">
            <a:extLst>
              <a:ext uri="{FF2B5EF4-FFF2-40B4-BE49-F238E27FC236}">
                <a16:creationId xmlns:a16="http://schemas.microsoft.com/office/drawing/2014/main" id="{BFEB450D-6A13-45A8-AC89-5C5D9692B81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680444" y="2516092"/>
            <a:ext cx="14732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892B64"/>
                </a:solidFill>
                <a:latin typeface="Open Sans" panose="020B0606030504020204" pitchFamily="34" charset="0"/>
              </a:rPr>
              <a:t>End-of-Year Review</a:t>
            </a:r>
          </a:p>
        </p:txBody>
      </p:sp>
      <p:sp>
        <p:nvSpPr>
          <p:cNvPr id="1061" name="OTLSHAPE_M_9a3d1f2249ce4f03b3d9743bde57fe44_Date">
            <a:extLst>
              <a:ext uri="{FF2B5EF4-FFF2-40B4-BE49-F238E27FC236}">
                <a16:creationId xmlns:a16="http://schemas.microsoft.com/office/drawing/2014/main" id="{F2669BBB-4C4E-4DA8-A830-02FDD3E7F3A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276349" y="2736352"/>
            <a:ext cx="2794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892B64"/>
                </a:solidFill>
                <a:latin typeface="Open Sans" panose="020B0606030504020204" pitchFamily="34" charset="0"/>
              </a:rPr>
              <a:t>Dec 1</a:t>
            </a:r>
            <a:endParaRPr lang="en-US" sz="800" b="1" spc="-4" dirty="0">
              <a:solidFill>
                <a:srgbClr val="892B64"/>
              </a:solidFill>
              <a:latin typeface="Open Sans" panose="020B0606030504020204" pitchFamily="34" charset="0"/>
            </a:endParaRPr>
          </a:p>
        </p:txBody>
      </p:sp>
      <p:sp>
        <p:nvSpPr>
          <p:cNvPr id="1092" name="OTLSHAPE_M_732d55354db24b9b8c85ab9f1adabd25_Title">
            <a:extLst>
              <a:ext uri="{FF2B5EF4-FFF2-40B4-BE49-F238E27FC236}">
                <a16:creationId xmlns:a16="http://schemas.microsoft.com/office/drawing/2014/main" id="{9023A702-9C20-4343-B444-07A683CCD6D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542866" y="4881738"/>
            <a:ext cx="10033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0" dirty="0">
                <a:solidFill>
                  <a:srgbClr val="0091AD"/>
                </a:solidFill>
                <a:latin typeface="Open Sans" panose="020B0606030504020204" pitchFamily="34" charset="0"/>
              </a:rPr>
              <a:t>Maintenance</a:t>
            </a:r>
          </a:p>
        </p:txBody>
      </p:sp>
      <p:sp>
        <p:nvSpPr>
          <p:cNvPr id="1093" name="OTLSHAPE_M_732d55354db24b9b8c85ab9f1adabd25_Date">
            <a:extLst>
              <a:ext uri="{FF2B5EF4-FFF2-40B4-BE49-F238E27FC236}">
                <a16:creationId xmlns:a16="http://schemas.microsoft.com/office/drawing/2014/main" id="{A6AB190D-0CA9-49F5-BE5E-C21CF9DE7B9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10214" y="4730693"/>
            <a:ext cx="2667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 dirty="0">
                <a:solidFill>
                  <a:srgbClr val="0091AD"/>
                </a:solidFill>
                <a:latin typeface="Open Sans" panose="020B0606030504020204" pitchFamily="34" charset="0"/>
              </a:rPr>
              <a:t>Sep 8</a:t>
            </a:r>
          </a:p>
        </p:txBody>
      </p:sp>
      <p:sp>
        <p:nvSpPr>
          <p:cNvPr id="1095" name="OTLSHAPE_M_792341ec2cdf41f5bb7a367c61152e1c_Title">
            <a:extLst>
              <a:ext uri="{FF2B5EF4-FFF2-40B4-BE49-F238E27FC236}">
                <a16:creationId xmlns:a16="http://schemas.microsoft.com/office/drawing/2014/main" id="{83528692-A833-4B35-91A1-DFB53956261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854223" y="4875316"/>
            <a:ext cx="1371600" cy="207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8" dirty="0">
                <a:solidFill>
                  <a:srgbClr val="0091AD"/>
                </a:solidFill>
                <a:latin typeface="Open Sans" panose="020B0606030504020204" pitchFamily="34" charset="0"/>
              </a:rPr>
              <a:t>Risk Management</a:t>
            </a:r>
          </a:p>
        </p:txBody>
      </p:sp>
      <p:sp>
        <p:nvSpPr>
          <p:cNvPr id="1096" name="OTLSHAPE_M_792341ec2cdf41f5bb7a367c61152e1c_Date">
            <a:extLst>
              <a:ext uri="{FF2B5EF4-FFF2-40B4-BE49-F238E27FC236}">
                <a16:creationId xmlns:a16="http://schemas.microsoft.com/office/drawing/2014/main" id="{282298AA-1CD8-41D6-A599-56D5F1532CF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377950" y="4724271"/>
            <a:ext cx="3302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rgbClr val="0091AD"/>
                </a:solidFill>
                <a:latin typeface="Open Sans" panose="020B0606030504020204" pitchFamily="34" charset="0"/>
              </a:rPr>
              <a:t>Oct 31</a:t>
            </a:r>
            <a:endParaRPr lang="en-US" sz="800" b="1" spc="-6" dirty="0">
              <a:solidFill>
                <a:srgbClr val="0091AD"/>
              </a:solidFill>
              <a:latin typeface="Open Sans" panose="020B0606030504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5C92315-8BA3-44A4-9F10-5BA4AE71F833}"/>
              </a:ext>
            </a:extLst>
          </p:cNvPr>
          <p:cNvSpPr txBox="1"/>
          <p:nvPr/>
        </p:nvSpPr>
        <p:spPr>
          <a:xfrm>
            <a:off x="903911" y="400050"/>
            <a:ext cx="34875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1-Year Plan</a:t>
            </a:r>
          </a:p>
        </p:txBody>
      </p:sp>
      <p:pic>
        <p:nvPicPr>
          <p:cNvPr id="35" name="Picture 34" descr="Icon&#10;&#10;Description automatically generated">
            <a:extLst>
              <a:ext uri="{FF2B5EF4-FFF2-40B4-BE49-F238E27FC236}">
                <a16:creationId xmlns:a16="http://schemas.microsoft.com/office/drawing/2014/main" id="{A72DFF68-E917-4A47-44A9-9201E589DE67}"/>
              </a:ext>
            </a:extLst>
          </p:cNvPr>
          <p:cNvPicPr>
            <a:picLocks noChangeAspect="1"/>
          </p:cNvPicPr>
          <p:nvPr/>
        </p:nvPicPr>
        <p:blipFill>
          <a:blip r:embed="rId8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03708" y="355070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30327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0LjEuMCIsIk9yaWdpbmFsQXNzZW1ibHlWZXJzaW9uIjoiMy4wMS4wMi4wMCIsIkVkaXRpb24iOiJQcm8iLCJMYXN0U2F2ZWRFZGl0aW9uIjoz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xMzUsIkciOjc0LCJCIjo4MX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ODU4LjAsIkhlaWdodCI6Mz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UuMCwiQm90dG9tIjowLjB9LCJQYWRkaW5nIjp7IiRpZCI6IjQzIiwiVG9wIjowLjAsIkxlZnQiOjAuMCwiUmlnaHQiOjAuMCwiQm90dG9tIjowLjB9LCJCYWNrZ3JvdW5kIjp7IiRpZCI6IjQ0IiwiQ29sb3IiOnsiJGlkIjoiNDUiLCJBIjo4OSwiUiI6MCwiRyI6MCwiQiI6MH19LCJJc1Zpc2libGUiOmZhbHN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MTIsIkZvbnROYW1lIjoiQ2FsaWJyaSIsIklzQm9sZCI6ZmFsc2UsIklzSXRhbGljIjpmYWxzZSwiSXNVbmRlcmxpbmVkIjpmYWxzZSwiUGFyZW50U3R5bGUiOm51bGx9LCJBdXRvU2l6ZSI6MCwiRm9yZWdyb3VuZCI6eyIkaWQiOiI1NSIsIkNvbG9yIjp7IiRpZCI6Ij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SIsIlNoYXBlIjowLCJTaG93U2VnbWVudFNlcGFyYXRvcnMiOnRydWUsIlNlZ21lbnRTZXBhcmF0b3JPcGFjaXR5IjozMCwiSGFzQmVlblZpc2libGVCZWZvcmUiOmZhbHNlLCJGb250U2V0dGluZ3MiOnsiJGlkIjoiNzYiLCJGb250U2l6ZSI6MTIsIkZvbnROYW1lIjoiU2Vnb2UgVUkgU2VtaWJvbGQiLCJJc0JvbGQiOnRydW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wLCJHIjoxNDUsIkIiOjE3M319LCJMaW5lV2VpZ2h0IjoxLjAsIkxpbmVUeXBlIjowLCJQYXJlbnRTdHlsZSI6bnVsbH0sIklzQmVsb3dUaW1lYmFuZCI6dHJ1ZSwiUG9zaXRpb25PblRhc2siOjAsIkhpZGVEYXRlIjpmYWxzZSwiU2hhcGVTaXplIjoxLCJTcGFjaW5nIjoxLjAsIlBhZGRpbmciOnsiJGlkIjoiODgiLCJUb3AiOjcuMCwiTGVmdCI6My4wLCJSaWdodCI6MC4wLCJCb3R0b20iOjIuMH0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CwiRyI6MTQ1LCJCIjoxNzN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IsIkZvbnROYW1lIjoiT3BlbiBTYW5zIiwiSXNCb2xkIjp0cnVlLCJJc0l0YWxpYyI6ZmFsc2UsIklzVW5kZXJsaW5lZCI6ZmFsc2UsIlBhcmVudFN0eWxlIjpudWxsfSwiQXV0b1NpemUiOjAsIkZvcmVncm91bmQiOnsiJGlkIjoiOTkiLCJDb2xvciI6eyIkaWQiOiIxMDAiLCJBIjoyNTUsIlIiOjAsIkciOjE0NSwiQiI6MTcz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bnVsbCwiUGFyZW50U3R5bGUiOm51bGx9LCJEYXRlU3R5bGUiOnsiJGlkIjoiMTA1IiwiRm9udFNldHRpbmdzIjp7IiRpZCI6IjEwNiIsIkZvbnRTaXplIjo4LCJGb250TmFtZSI6Ik9wZW4gU2FucyIsIklzQm9sZCI6dHJ1ZSwiSXNJdGFsaWMiOmZhbHNlLCJJc1VuZGVybGluZWQiOmZhbHNlLCJQYXJlbnRTdHlsZSI6bnVsbH0sIkF1dG9TaXplIjowLCJGb3JlZ3JvdW5kIjp7IiRpZCI6IjEwNyIsIkNvbG9yIjp7IiRpZCI6IjEwOCIsIkEiOjI1NSwiUiI6MCwiRyI6MTQ1LCJCIjoxNzN9fSwiTWF4V2lkdGgiOjIwMC4w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udWxsLCJQYXJlbnRTdHlsZSI6bnVsbH0sIkRhdGVGb3JtYXQiOnsiJGlkIjoiMTE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GlkIjoiMTQ1IiwiQSI6MCwiUiI6MjU1LCJHIjoyNTUsIkIiOjI1NX19LCJJc1Zpc2libGUiOnRydWUsIldpZHRoIjowLjAsIkhlaWdodCI6MC4wLCJCb3JkZXJTdHlsZSI6bnVsbCwiUGFyZW50U3R5bGUiOm51bGx9LCJEYXRlRm9ybWF0Ijp7IiRpZCI6IjE0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NyIsIkRhdGVQYXJ0SXNWaXNpYmxlIjp0cnVlLCJUaW1lUGFydElzVmlzaWJsZSI6ZmFsc2V9fSwiV2Vla051bWJlcmluZyI6eyIkaWQiOiIxNDgiLCJGb3JtYXQiOjAsIklzVmlzaWJsZSI6ZmFsc2UsIkxhc3RLbm93blZpc2liaWxpdHlTdGF0ZSI6ZmFsc2V9LCJJc1Zpc2libGUiOnRydWUsIlBhcmVudFN0eWxlIjpudWxsfSwiRGVmYXVsdFRhc2tTdHlsZSI6eyIkaWQiOiIxNDkiLCJTaGFwZSI6NiwiU2hhcGVUaGlja25lc3MiOjEsIkR1cmF0aW9uRm9ybWF0Ijo1LCJJbmNsdWRlTm9uV29ya2luZ0RheXNJbkR1cmF0aW9uIjpmYWxzZSwiUGVyY2VudGFnZUNvbXBsZ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cmVmIjoiNDUifX0sIklzVmlzaWJsZSI6dHJ1ZSwiV2lkdGgiOjAuMCwiSGVpZ2h0IjowLjAsIkJvcmRlclN0eWxlIjpudWxsLCJQYXJlbnRTdHlsZSI6bnVsbH0sIkR1cmF0aW9uU3R5bGUiOnsiJGlkIjoiMTU3IiwiRm9udFNldHRpbmdzIjp7IiRpZCI6IjE1OCIsIkZvbnRTaXplIjo5LCJGb250TmFtZSI6IkNhbGlicmkiLCJJc0JvbGQiOmZhbHNlLCJJc0l0YWxpYyI6ZmFsc2UsIklzVW5kZXJsaW5lZCI6ZmFsc2UsIlBhcmVudFN0eWxlIjpudWxsfSwiQXV0b1NpemUiOjAsIkZvcmVncm91bmQiOnsiJGlkIjoiMTU5IiwiQ29sb3IiOnsiJGlkIjoiMT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HJlZiI6IjQ1In19LCJJc1Zpc2libGUiOnRydWUsIldpZHRoIjowLjAsIkhlaWdodCI6MC4wLCJCb3JkZXJTdHlsZSI6bnVsbCwiUGFyZW50U3R5bGUiOm51bGx9LCJEYXRl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cmVmIjoiNDUifX0sIklzVmlzaWJsZSI6dHJ1ZSwiV2lkdGgiOjAuMCwiSGVpZ2h0IjowLjAsIkJvcmRlclN0eWxlIjpudWxs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zIiwiRGF0ZVBhcnRJc1Zpc2libGUiOnRydWUsIlRpbWVQYXJ0SXNWaXNpYmxlIjpmYWxzZX19LCJXZWVrTnVtYmVyaW5nIjp7IiRpZCI6IjE5NCIsIkZvcm1hdCI6MCwiSXNWaXNpYmxlIjpmYWxzZSwiTGFzdEtub3duVmlzaWJpbGl0eVN0YXRlIjpmYWxzZX0sIklzVmlzaWJsZSI6dHJ1ZSwiUGFyZW50U3R5bGUiOm51bGwsIl9leHBsaWNpdGx5U2V0Ijp7IiRpZCI6IjE5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bnVsbCwiUGFyZW50U3R5bGUiOm51bGx9LCJEYXRlRm9ybWF0Ijp7IiRpZCI6IjI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m51bGwsIklzVmlzaWJsZSI6ZmFsc2UsIldpZHRoIjowLjAsIkhlaWdodCI6MC4wLCJCb3JkZXJTdHlsZSI6bnVsbCwiUGFyZW50U3R5bGUiOm51bGx9LCJSZWN0YW5nbGVTdHlsZSI6eyIkaWQiOiIyNTQiLCJNYXJnaW4iOnsiJGlkIjoiMjU1IiwiVG9wIjowLjAsIkxlZnQiOjAuMCwiUmlnaHQiOjAuMCwiQm90dG9tIjowLjB9LCJQYWRkaW5nIjp7IiRpZCI6IjI1NiIsIlRvcCI6MC4wLCJMZWZ0IjowLjAsIlJpZ2h0IjowLjAsIkJvdHRvbSI6MC4wfSwiQmFja2dyb3VuZCI6eyIkaWQiOiIyNTciLCJDb2xvciI6eyIkaWQiOiIyNTgiLCJBIjoxMjcsIlIiOjkxLCJHIjoxNTUsIkIiOjIxM319LCJJc1Zpc2libGUiOmZhbHN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zOCwiUiI6OTEsIkciOjE1NSwiQiI6MjEz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lzQWJvdmVUaW1lYmFuZCI6ZmFsc2U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LCJEZWZhdWx0U3dpbWxhbmVWMlN0eWxlIjp7IiRpZCI6IjI3NCIsIlN0eWxlSWQiOiJmOTUzNjc3YS1jZThjLTQ3ODAtYWUwYi0yYmNiNGJmNjY5NTgiLCJIZWFkZXJTdHlsZSI6eyIkaWQiOiIyNzUiLCJUZXh0SXNWZXJ0aWNhbCI6ZmFsc2UsIlRleHRTdHlsZSI6eyIkaWQiOiIyNzYiLCJGb250U2V0dGluZ3MiOnsiJGlkIjoiMjc3IiwiRm9udFNpemUiOjEyLCJGb250TmFtZSI6IkNhbGlicmkiLCJJc0JvbGQiOmZhbHNlLCJJc0l0YWxpYyI6ZmFsc2UsIklzVW5kZXJsaW5lZCI6ZmFsc2UsIlBhcmVudFN0eWxlIjpudWxsfSwiQXV0b1NpemUiOjIsIkZvcmVncm91bmQiOnsiJGlkIjoiMjc4IiwiQ29sb3IiOnsiJGlkIjoiMj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bnVsbCwiSXNWaXNpYmxlIjp0cnVlLCJXaWR0aCI6MC4wLCJIZWlnaHQiOjAuMCwiQm9yZGVyU3R5bGUiOm51bGwsIlBhcmVudFN0eWxlIjpudWxsfSwiUmVjdGFuZ2x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wLCJHIjoxNDUsIkIiOjE3M319LCJJc1Zpc2libGUiOnRydWUsIldpZHRoIjowLjA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ExLCJGb250TmFtZSI6IkNhbGlicmkiLCJJc0JvbGQiOnRydWUsIklzSXRhbGljIjpmYWxzZSwiSXNVbmRlcmxpbmVkIjpmYWxzZSwiUGFyZW50U3R5bGUiOm51bGx9LCJBdXRvU2l6ZSI6MCwiRm9yZWdyb3VuZCI6eyIkaWQiOiIzMzIiLCJDb2xvciI6eyIkaWQiOiIzMz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cmVmIjoiMzA4In19LCJJc1Zpc2libGUiOnRydWUsIldpZHRoIjowLjAsIkhlaWdodCI6MC4wLCJCb3JkZXJTdHlsZSI6bnVsbCwiUGFyZW50U3R5bGUiOm51bGx9LCJEYXRlU3R5bGUiOnsiJGlkIjoiMzM3IiwiRm9udFNldHRpbmdzIjp7IiRpZCI6IjMzOCIsIkZvbnRTaXplIjoxMCwiRm9udE5hbWUiOiJDYWxpYnJpIiwiSXNCb2xkIjpmYWxzZSwiSXNJdGFsaWMiOmZhbHNlLCJJc1VuZGVybGluZWQiOmZhbHNlLCJQYXJlbnRTdHlsZSI6bnVsbH0sIkF1dG9TaXplIjowLCJGb3JlZ3JvdW5kIjp7IiRpZCI6IjMzOSIsIkNvbG9yIjp7IiRpZCI6IjM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xIiwiVG9wIjowLjAsIkxlZnQiOjAuMCwiUmlnaHQiOjAuMCwiQm90dG9tIjowLjB9LCJQYWRkaW5nIjp7IiRpZCI6IjM0MiIsIlRvcCI6MC4wLCJMZWZ0IjowLjAsIlJpZ2h0IjowLjAsIkJvdHRvbSI6MC4wfSwiQmFja2dyb3VuZCI6eyIkaWQiOiIzNDMiLCJDb2xvciI6eyIkcmVmIjoiMzA4In19LCJJc1Zpc2libGUiOnRydWUsIldpZHRoIjowLjAsIkhlaWdodCI6MC4wLCJCb3JkZXJTdHlsZSI6bnVsbCwiUGFyZW50U3R5bGUiOm51bGx9LCJEYXRlRm9ybWF0Ijp7IiRpZCI6IjM0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SIsIkRhdGVQYXJ0SXNWaXNpYmxlIjp0cnVlLCJUaW1lUGFydElzVmlzaWJsZSI6ZmFsc2V9fSwiV2Vla051bWJlcmluZyI6eyIkaWQiOiIzNDYiLCJGb3JtYXQiOjAsIklzVmlzaWJsZSI6ZmFsc2UsIkxhc3RLbm93blZpc2liaWxpdHlTdGF0ZSI6ZmFsc2V9LCJJc1Zpc2libGUiOnRydWUsIlBhcmVudFN0eWxlIjpudWxsLCJfZXhwbGljaXRseVNldCI6eyIkaWQiOiIzN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m51bGx9LCJUaXRsZVN0eWxlIjp7IiRpZCI6IjM2MiIsIkZvbnRTZXR0aW5ncyI6eyIkaWQiOiIzNjMiLCJGb250U2l6ZSI6MTIsIkZvbnROYW1lIjoiT3BlbiBTYW5zIiwiSXNCb2xkIjp0cnVlLCJJc0l0YWxpYyI6ZmFsc2UsIklzVW5kZXJsaW5lZCI6ZmFsc2UsIlBhcmVudFN0eWxlIjpudWxsfSwiQXV0b1NpemUiOjAsIkZvcmVncm91bmQiOnsiJGlkIjoiMzY0IiwiQ29sb3IiOnsiJGlkIjoiMz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ODksIlIiOjAsIkciOjAsIkIiOjB9fSwiSXNWaXNpYmxlIjp0cnVlLCJXaWR0aCI6MC4wLCJIZWlnaHQiOjAuMCwiQm9yZGVyU3R5bGUiOm51bGwsIlBhcmVudFN0eWxlIjpudWxsfSwiRGF0ZVN0eWxlIjp7IiRpZCI6IjM3MCIsIkZvbnRTZXR0aW5ncyI6eyIkaWQiOiIzNzEiLCJGb250U2l6ZSI6OCwiRm9udE5hbWUiOiJPcGVuIFNhbnMiLCJJc0JvbGQiOnRydW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HJlZiI6IjM2OSJ9fSwiSXNWaXNpYmxlIjp0cnVlLCJXaWR0aCI6MC4wLCJIZWlnaHQiOjAuMCwiQm9yZGVyU3R5bGUiOm51bGwsIlBhcmVudFN0eWxlIjpudWxsfSwiRGF0ZUZvcm1hdCI6eyIkaWQiOiIz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g5LCJSIjowLCJHIjowLCJCIjowfX0sIklzVmlzaWJsZSI6dHJ1ZSwiV2lkdGgiOjAuMCwiSGVpZ2h0IjowLjAsIkJvcmRlclN0eWxlIjpudWxsLCJQYXJlbnRTdHlsZSI6bnVsbH0sIkRhdGVTdHlsZSI6eyIkaWQiOiIzOTciLCJGb250U2V0dGluZ3MiOnsiJGlkIjoiMzk4IiwiRm9udFNpemUiOjgsIkZvbnROYW1lIjoiT3BlbiBTYW5zIiwiSXNCb2xkIjp0cnVlLCJJc0l0YWxpYyI6ZmFsc2UsIklzVW5kZXJsaW5lZCI6ZmFsc2UsIlBhcmVudFN0eWxlIjpudWxsfSwiQXV0b1NpemUiOjAsIkZvcmVncm91bmQiOnsiJGlkIjoiMzk5IiwiQ29sb3IiOnsiJGlkIjoiND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g5LCJSIjowLCJHIjowLCJCIjowfX0sIklzVmlzaWJsZSI6dHJ1ZSwiV2lkdGgiOjAuMCwiSGVpZ2h0IjowLjAsIkJvcmRlclN0eWxlIjpudWxsLCJQYXJlbnRTdHlsZSI6bnVsbH0sIkRhdGVGb3JtYXQiOnsiJGlkIjoiND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AsIkciOjE0NSwiQiI6MTcz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AsIkciOjE0NSwiQiI6MTczfX0sIklzVmlzaWJsZSI6dHJ1ZSwiV2lkdGgiOjAuMCwiSGVpZ2h0Ijow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pZCI6IjQ2OCIsIkEiOjAsIlIiOjI1NSwiRyI6MjU1LCJCIjoyNTV9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xODMsIkciOjksIkIiOjc2fX0sIklzVmlzaWJsZSI6dHJ1ZSwiV2lkdGgiOjE4LjAsIkhlaWdodCI6M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VGl0bGVTdHlsZSI6eyIkaWQiOiI0OTkiLCJGb250U2V0dGluZ3MiOnsiJGlkIjoiNTAwIiwiRm9udFNpemUiOjEyLCJGb250TmFtZSI6Ik9wZW4gU2FucyIsIklzQm9sZCI6dHJ1ZSwiSXNJdGFsaWMiOmZhbHNlLCJJc1VuZGVybGluZWQiOmZhbHNlLCJQYXJlbnRTdHlsZSI6bnVsbH0sIkF1dG9TaXplIjoyLCJGb3JlZ3JvdW5kIjp7IiRpZCI6IjUwMSIsIkNvbG9yIjp7IiRpZCI6IjUwMiIsIkEiOjI1NSwiUiI6MTgzLCJHIjo5LCJCIjo3Nn19LCJNYXhXaWR0aCI6NjQuNzY4ODIxNzE2MzA4NiwiTWF4SGVpZ2h0IjoiSW5maW5pdHkiLCJTbWFydEZvcmVncm91bmRJc0FjdGl2ZSI6ZmFsc2UsIkhvcml6b250YWxBbGlnbm1lbnQiOjE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4LCJGb250TmFtZSI6Ik9wZW4gU2FucyIsIklzQm9sZCI6dHJ1ZSwiSXNJdGFsaWMiOmZhbHNlLCJJc1VuZGVybGluZWQiOmZhbHNlLCJQYXJlbnRTdHlsZSI6bnVsbH0sIkF1dG9TaXplIjowLCJGb3JlZ3JvdW5kIjp7IiRpZCI6IjUxMCIsIkNvbG9yIjp7IiRpZCI6IjUxMSIsIkEiOjI1NSwiUiI6MTgzLCJHIjo5LCJCIjo3Nn19LCJNYXhXaWR0aCI6MjAwLjAsIk1heEhlaWdodCI6IkluZmluaXR5IiwiU21hcnRGb3JlZ3JvdW5kSXNBY3RpdmUiOmZhbHNlLCJIb3Jpem9udGFsQWxpZ25tZW50Ijox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pZCI6IjU0MyIsIkNvbG9yIjp7IiRpZCI6IjU0NCIsIkEiOjAsIlIiOjI1NSwiRyI6MjU1LCJCIjoyNTV9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GlkIjoiNTkwIiwiQ29sb3IiOnsiJGlkIjoiNTkxIiwiQSI6MCwiUiI6MjU1LCJHIjoyNTUsIkIiOjI1NX19LCJJc1Zpc2libGUiOnRydWUsIldpZHRoIjowLjAsIkhlaWdodCI6MC4wLCJCb3JkZXJTdHlsZSI6eyIkaWQiOiI1OTIiLCJMaW5lQ29sb3IiOm51bGwsIkxpbmVXZWlnaHQiOjAuMCwiTGluZVR5cGUiOjAsIlBhcmVudFN0eWxlIjpudWxsfSwiUGFyZW50U3R5bGUiOm51bGx9LCJEYXRlRm9ybWF0Ijp7IiRpZCI6IjU5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Rm9ybWF0Ijp7IiRpZCI6IjY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AsIlIiOjI1NSwiRyI6MjU1LCJCIjoyNTV9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VGl0bGVTdHlsZSI6eyIkaWQiOiI2ODkiLCJGb250U2V0dGluZ3MiOnsiJGlkIjoiNjkwIiwiRm9udFNpemUiOjEyLCJGb250TmFtZSI6Ik9wZW4gU2FucyIsIklzQm9sZCI6dHJ1ZSwiSXNJdGFsaWMiOmZhbHNlLCJJc1VuZGVybGluZWQiOmZhbHNlLCJQYXJlbnRTdHlsZSI6bnVsbH0sIkF1dG9TaXplIjoyLCJGb3JlZ3JvdW5kIjp7IiRpZCI6IjY5MSIsIkNvbG9yIjp7IiRpZCI6IjY5MiIsIkEiOjI1NSwiUiI6MTc4LCJHIjoxNCwiQiI6MTh9fSwiTWF4V2lkdGgiOjExMi44MzY1MzI1OTI3NzM0NCwiTWF4SGVpZ2h0IjoiSW5maW5pdHkiLCJTbWFydEZvcmVncm91bmRJc0FjdGl2ZSI6ZmFsc2UsIkhvcml6b250YWxBbGlnbm1lbnQiOjE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CwiUiI6MjU1LCJHIjoyNTUsIkIiOjI1NX1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4LCJGb250TmFtZSI6Ik9wZW4gU2FucyIsIklzQm9sZCI6dHJ1ZSwiSXNJdGFsaWMiOmZhbHNlLCJJc1VuZGVybGluZWQiOmZhbHNlLCJQYXJlbnRTdHlsZSI6bnVsbH0sIkF1dG9TaXplIjowLCJGb3JlZ3JvdW5kIjp7IiRpZCI6IjcwMCIsIkNvbG9yIjp7IiRpZCI6IjcwMSIsIkEiOjI1NSwiUiI6MTc4LCJHIjoxNCwiQiI6MTh9fSwiTWF4V2lkdGgiOjIwMC4wLCJNYXhIZWlnaHQiOiJJbmZpbml0eSIsIlNtYXJ0Rm9yZWdyb3VuZElzQWN0aXZlIjpmYWxzZSwiSG9yaXpvbnRhbEFsaWdubWVudCI6MS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wLCJSIjoyNTUsIkciOjI1NSwiQiI6MjU1fX0sIklzVmlzaWJsZSI6dHJ1ZSwiV2lkdGgiOjAuMCwiSGVpZ2h0IjowLjAsIkJvcmRlclN0eWxlIjp7IiRpZCI6IjcwNiIsIkxpbmVDb2xvciI6bnVsbCwiTGluZVdlaWdodCI6MC4wLCJMaW5lVHlwZSI6MCwiUGFyZW50U3R5bGUiOm51bGx9LCJQYXJlbnRTdHlsZSI6bnVsbH0sIkRhdGVGb3JtYXQiOnsiJGlkIjoiNzA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wLCJSIjoyNTUsIkciOjI1NSwiQiI6MjU1fX0sIklzVmlzaWJsZSI6dHJ1ZSwiV2lkdGgiOjAuMCwiSGVpZ2h0IjowLjAsIkJvcmRlclN0eWxlIjp7IiRpZCI6Ijc0NCIsIkxpbmVDb2xvciI6bnVsbCwiTGluZVdlaWdodCI6MC4wLCJMaW5lVHlwZSI6MCwiUGFyZW50U3R5bGUiOm51bGx9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Gb3JtYXQiOnsiJGlkIjoiODk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VN0eWxlIjp7IiRpZCI6Ijk2NCIsIkZvbnRTZXR0aW5ncyI6eyIkaWQiOiI5NjUiLCJGb250U2l6ZSI6OCwiRm9udE5hbWUiOiJPcGVuIFNhbnMiLCJJc0JvbGQiOnRydWUsIklzSXRhbGljIjpmYWxzZSwiSXNVbmRlcmxpbmVkIjpmYWxzZSwiUGFyZW50U3R5bGUiOm51bGx9LCJBdXRvU2l6ZSI6MCwiRm9yZWdyb3VuZCI6eyIkaWQiOiI5NjYiLCJDb2xvciI6eyIkaWQiOiI5NjciLCJBIjoyNTUsIlIiOjAsIkciOjE0NSwiQiI6MTczfX0sIk1heFdpZHRoIjoyMDAuMCwiTWF4SGVpZ2h0IjoiSW5maW5pdHkiLCJTbWFydEZvcmVncm91bmRJc0FjdGl2ZSI6ZmFsc2UsIkhvcml6b250YWxBbGlnbm1lbnQiOjE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Rm9ybWF0Ijp7IiRpZCI6Ijk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mVjZW50Q29sb3JzQ29sbGVjdGlvbiI6IltcIiNGRkVBMTYxRVwiLFwiI0ZGOTZENjQyXCIsXCIjRkZFRDdEMzFcIixcIiNGRjFBQUE0MlwiLFwiI0ZGNzM3MzczXCIsXCIjRkZFN0U2RTZcIixcIiNGRjAyQjJFRVwiXSIsIlNvdXJjZVRoZW1lIjoie1wiJGlkXCI6XCIxXCIsXCJJZFwiOlwiYTg3YTQyZjgtNTRiNC00N2Y0LWJhZjctZjYxN2EzOGFjN2Mx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IsXCJGb250TmFtZVwiOlwiU2Vnb2UgVUkgU2VtaWJvbGRcIixcIklzQm9sZFwiOnRydW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MTM1LFwiR1wiOjc0LFwiQlwiOjgx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E3OCxcIkdcIjoxNCxcIkJcIjoxO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YsXCJTaGFwZVRoaWNrbmVzc1wiOjEsXCJEdXJhdGlvbkZvcm1hdFwiOjU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SxcIkZvbnROYW1lXCI6XCJDYWxpYnJpXCIsXCJJc0JvbGRcIjpmYWxzZSxcIklzSXRhbGljXCI6ZmFsc2UsXCJJc1VuZGVybGluZWRcIjpmYWxzZX0sXCJGb3JlZ3JvdW5kXCI6e1wiJGlkXCI6XCI1NFwiLFwiQ29sb3JcIjp7XCIkaWRcIjpcIjU1XCIsXCJBXCI6MjU1LFwiUlwiOjY4LFwiR1wiOjg0LFwiQlwiOjEwNn19LFwiSG9yaXpvbnRhbEFsaWdubWVudFwiOjE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wLFwiRW5kRGF0ZVBvc2l0aW9uXCI6MCxcIlRpdGxlUG9zaXRpb25cIjoxLFwiRHVyYXRpb25Qb3NpdGlvblwiOjIsXCJQZXJjZW50YWdlQ29tcGxldGVkUG9zaXRpb25cIjowLFwiU3BhY2luZ1wiOjEw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AsXCJHXCI6MTQ1LFwiQlwiOjE3M3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mYWxz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wLFwiR1wiOjE0NSxcIkJcIjoxNzN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AsXCJHXCI6MTQ1LFwiQlwiOjE3M3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lkYzNiNzJkLWYxOWEtNDk2NS1hMmRlLWY5MmM4NmNlYjEzZ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AsXCJHXCI6MTQ1LFwiQlwiOjE3M3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wLFwiR1wiOjE0NSxcIkJcIjoxNzN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AsXCJHXCI6MTQ1LFwiQlwiOjE3M3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wLFwiR1wiOjE0NSxcIkJcIjoxNzN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CxcIkdcIjoxNDUsXCJCXCI6MTcz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yLFwiRm9udE5hbWVcIjpcIk9wZW4gU2Fuc1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CxcIkZvbnROYW1lXCI6XCJPcGVuIFNhbnNcIixcIklzQm9sZFwiOnRydW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2LFwiU2hhcGVUaGlja25lc3NcIjoxLFwiRHVyYXRpb25Gb3JtYXRcIjo1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wLFwiR1wiOjE0NSxcIkJcIjoxNzN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AsXCJHXCI6MTQ1LFwiQlwiOjE3M3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PcGVuIFNhbnN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gsXCJGb250TmFtZVwiOlwiT3BlbiBTYW5zXCIsXCJJc0JvbGRcIjp0cnV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MTM1LFwiR1wiOjc0LFwiQlwiOjgxfSxcIkFjY2VudDNcIjp7XCIkaWRcIjpcIjI3N1wiLFwiQVwiOjI1NSxcIlJcIjo5MixcIkdcIjo3NyxcIkJcIjoxMjV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5NzkiLCJJbXBhT3B0aW9ucyI6eyIkaWQiOiI5OD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OTgxIiwiVXNlVGltZSI6ZmFsc2UsIldvcmtEYXlTdGFydCI6IjAwOjAwOjAwIiwiV29ya0RheUVuZCI6IjIzOjU5OjAwIn0sIkxhc3RVc2VkVGVtcGxhdGVJZCI6IjRhNjRmN2M1LWI2YzctNDAzNy1hODhkLThkYTRhY2QxZGQ4MCIsIkxhc3RVc2VkVGhlbWVEZXRhaWxzIjp7IiRpZCI6Ijk4MiIsIklkIjoiYTg3YTQyZjgtNTRiNC00N2Y0LWJhZjctZjYxN2EzOGFjN2MxIiwiVGl0bGUiOiJVbnRpdGxlZCB0aGVtZSIsIkNhdGVnb3J5IjoyfSwiRmlyc3RXZWVrT2ZZZWFyIjowLCJQbGFjZU1pbGVzdG9uZUF0VGhlQmVnaW5uaW5nT2ZUaGVEYXkiOmZhbHNlLCJEZXBlbmRlbmN5U2NoZWR1bGluZ1NldHRpbmdzIjp7IiRpZCI6Ijk4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1-01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4-12-01T23:59:00.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itial Goal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06-06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olicy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07-10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4-08-26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ystem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03-23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t Goals "/>
  <p:tag name="OTLPOSITIONONTASK" val="None"/>
  <p:tag name="OTLRELATEDTASKID" val="00000000-0000-0000-0000-000000000000"/>
  <p:tag name="OTLWEEKNUMBERINGFORMAT" val="WNFormat1"/>
  <p:tag name="OTLWEEKNUMBERINGISVISIBLE" val="False"/>
  <p:tag name="OTLDATE" val="2024-01-03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dget "/>
  <p:tag name="OTLPOSITIONONTASK" val="None"/>
  <p:tag name="OTLRELATEDTASKID" val="00000000-0000-0000-0000-000000000000"/>
  <p:tag name="OTLWEEKNUMBERINGFORMAT" val="WNFormat1"/>
  <p:tag name="OTLWEEKNUMBERINGISVISIBLE" val="False"/>
  <p:tag name="OTLDATE" val="2024-01-02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intenance"/>
  <p:tag name="OTLPOSITIONONTASK" val="None"/>
  <p:tag name="OTLRELATEDTASKID" val="00000000-0000-0000-0000-000000000000"/>
  <p:tag name="OTLWEEKNUMBERINGFORMAT" val="WNFormat1"/>
  <p:tag name="OTLWEEKNUMBERINGISVISIBLE" val="False"/>
  <p:tag name="OTLDATE" val="2024-09-08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isk Management"/>
  <p:tag name="OTLPOSITIONONTASK" val="None"/>
  <p:tag name="OTLRELATEDTASKID" val="00000000-0000-0000-0000-000000000000"/>
  <p:tag name="OTLWEEKNUMBERINGFORMAT" val="WNFormat1"/>
  <p:tag name="OTLWEEKNUMBERINGISVISIBLE" val="False"/>
  <p:tag name="OTLDATE" val="2024-10-31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Plan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05-02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dget Adjustm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7-05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4-03-09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po"/>
  <p:tag name="OTLPOSITIONONTASK" val="None"/>
  <p:tag name="OTLRELATEDTASKID" val="00000000-0000-0000-0000-000000000000"/>
  <p:tag name="OTLWEEKNUMBERINGFORMAT" val="WNFormat1"/>
  <p:tag name="OTLWEEKNUMBERINGISVISIBLE" val="False"/>
  <p:tag name="OTLDATE" val="2024-04-22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 "/>
  <p:tag name="OTLPOSITIONONTASK" val="None"/>
  <p:tag name="OTLRELATEDTASKID" val="00000000-0000-0000-0000-000000000000"/>
  <p:tag name="OTLWEEKNUMBERINGFORMAT" val="WNFormat1"/>
  <p:tag name="OTLWEEKNUMBERINGISVISIBLE" val="False"/>
  <p:tag name="OTLDATE" val="2024-02-07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d-of-Yea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12-01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67</Words>
  <Application>Microsoft Office PowerPoint</Application>
  <PresentationFormat>Widescreen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2:05:44Z</dcterms:created>
  <dcterms:modified xsi:type="dcterms:W3CDTF">2024-10-14T11:25:33Z</dcterms:modified>
</cp:coreProperties>
</file>